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7" r:id="rId2"/>
    <p:sldId id="258" r:id="rId3"/>
    <p:sldId id="259" r:id="rId4"/>
    <p:sldId id="260" r:id="rId5"/>
    <p:sldId id="261" r:id="rId6"/>
    <p:sldId id="262" r:id="rId7"/>
    <p:sldId id="263" r:id="rId8"/>
    <p:sldId id="264" r:id="rId9"/>
    <p:sldId id="265" r:id="rId10"/>
    <p:sldId id="266" r:id="rId11"/>
    <p:sldId id="267" r:id="rId12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7027" autoAdjust="0"/>
    <p:restoredTop sz="94660"/>
  </p:normalViewPr>
  <p:slideViewPr>
    <p:cSldViewPr snapToGrid="0">
      <p:cViewPr>
        <p:scale>
          <a:sx n="75" d="100"/>
          <a:sy n="75" d="100"/>
        </p:scale>
        <p:origin x="43" y="240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neelk\OneDrive\Documents\Professional\RMDS%20Labs\s1\Dataset_SHIPS_RII_ATL.csv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dirty="0"/>
              <a:t>Variable</a:t>
            </a:r>
            <a:r>
              <a:rPr lang="en-US" baseline="0" dirty="0"/>
              <a:t> Mean comparisons</a:t>
            </a:r>
            <a:endParaRPr lang="en-US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8.3580927384076992E-2"/>
          <c:y val="0.15782407407407409"/>
          <c:w val="0.87753018372703417"/>
          <c:h val="0.6714577865266842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heet1!$A$2</c:f>
              <c:strCache>
                <c:ptCount val="1"/>
                <c:pt idx="0">
                  <c:v>0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Sheet1!$B$1:$J$1</c:f>
              <c:strCache>
                <c:ptCount val="9"/>
                <c:pt idx="0">
                  <c:v>PER</c:v>
                </c:pt>
                <c:pt idx="1">
                  <c:v>SHRD</c:v>
                </c:pt>
                <c:pt idx="2">
                  <c:v>D200</c:v>
                </c:pt>
                <c:pt idx="3">
                  <c:v>TPW</c:v>
                </c:pt>
                <c:pt idx="4">
                  <c:v>PC2</c:v>
                </c:pt>
                <c:pt idx="5">
                  <c:v>SDBT</c:v>
                </c:pt>
                <c:pt idx="6">
                  <c:v>POT</c:v>
                </c:pt>
                <c:pt idx="7">
                  <c:v>OHC</c:v>
                </c:pt>
                <c:pt idx="8">
                  <c:v>VMX0</c:v>
                </c:pt>
              </c:strCache>
            </c:strRef>
          </c:cat>
          <c:val>
            <c:numRef>
              <c:f>Sheet1!$B$2:$J$2</c:f>
              <c:numCache>
                <c:formatCode>General</c:formatCode>
                <c:ptCount val="9"/>
                <c:pt idx="0">
                  <c:v>1817</c:v>
                </c:pt>
                <c:pt idx="1">
                  <c:v>15</c:v>
                </c:pt>
                <c:pt idx="2">
                  <c:v>32</c:v>
                </c:pt>
                <c:pt idx="3">
                  <c:v>214</c:v>
                </c:pt>
                <c:pt idx="4">
                  <c:v>427</c:v>
                </c:pt>
                <c:pt idx="5">
                  <c:v>468</c:v>
                </c:pt>
                <c:pt idx="6">
                  <c:v>-71</c:v>
                </c:pt>
                <c:pt idx="7">
                  <c:v>60</c:v>
                </c:pt>
                <c:pt idx="8">
                  <c:v>5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74A-4CBF-9FF4-89C362BF442D}"/>
            </c:ext>
          </c:extLst>
        </c:ser>
        <c:ser>
          <c:idx val="1"/>
          <c:order val="1"/>
          <c:tx>
            <c:strRef>
              <c:f>Sheet1!$A$3</c:f>
              <c:strCache>
                <c:ptCount val="1"/>
                <c:pt idx="0">
                  <c:v>1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Sheet1!$B$1:$J$1</c:f>
              <c:strCache>
                <c:ptCount val="9"/>
                <c:pt idx="0">
                  <c:v>PER</c:v>
                </c:pt>
                <c:pt idx="1">
                  <c:v>SHRD</c:v>
                </c:pt>
                <c:pt idx="2">
                  <c:v>D200</c:v>
                </c:pt>
                <c:pt idx="3">
                  <c:v>TPW</c:v>
                </c:pt>
                <c:pt idx="4">
                  <c:v>PC2</c:v>
                </c:pt>
                <c:pt idx="5">
                  <c:v>SDBT</c:v>
                </c:pt>
                <c:pt idx="6">
                  <c:v>POT</c:v>
                </c:pt>
                <c:pt idx="7">
                  <c:v>OHC</c:v>
                </c:pt>
                <c:pt idx="8">
                  <c:v>VMX0</c:v>
                </c:pt>
              </c:strCache>
            </c:strRef>
          </c:cat>
          <c:val>
            <c:numRef>
              <c:f>Sheet1!$B$3:$J$3</c:f>
              <c:numCache>
                <c:formatCode>General</c:formatCode>
                <c:ptCount val="9"/>
                <c:pt idx="0">
                  <c:v>2429</c:v>
                </c:pt>
                <c:pt idx="1">
                  <c:v>19</c:v>
                </c:pt>
                <c:pt idx="2">
                  <c:v>37</c:v>
                </c:pt>
                <c:pt idx="3">
                  <c:v>308</c:v>
                </c:pt>
                <c:pt idx="4">
                  <c:v>851</c:v>
                </c:pt>
                <c:pt idx="5">
                  <c:v>835</c:v>
                </c:pt>
                <c:pt idx="6">
                  <c:v>-62</c:v>
                </c:pt>
                <c:pt idx="7">
                  <c:v>46</c:v>
                </c:pt>
                <c:pt idx="8">
                  <c:v>4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74A-4CBF-9FF4-89C362BF442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964020815"/>
        <c:axId val="1105996127"/>
      </c:barChart>
      <c:catAx>
        <c:axId val="964020815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105996127"/>
        <c:crosses val="autoZero"/>
        <c:auto val="1"/>
        <c:lblAlgn val="ctr"/>
        <c:lblOffset val="100"/>
        <c:noMultiLvlLbl val="0"/>
      </c:catAx>
      <c:valAx>
        <c:axId val="1105996127"/>
        <c:scaling>
          <c:orientation val="minMax"/>
          <c:min val="-7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964020815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t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A997BB2-3EA5-4060-8844-85ADC115A21C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87426F15-8AC3-4A71-AE44-5A450ED46460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2EA508DA-F150-4B9D-9ECA-1796740173A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09CFDC1F-34C1-4585-96CB-FC35994153B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4CE37547-F155-41E9-986E-C989915117C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4141295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5F76414-E833-4518-93F6-75580DA3726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5FD8BCCF-8C42-4BA4-89C5-54B3F1E7B166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0B1D9C35-AB9F-444D-A89B-FF914024C932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B635557A-22AE-45D5-901B-103FED0E0EA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F987D141-5686-4DB8-9D19-6CFE9AFE73B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5872811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>
            <a:extLst>
              <a:ext uri="{FF2B5EF4-FFF2-40B4-BE49-F238E27FC236}">
                <a16:creationId xmlns:a16="http://schemas.microsoft.com/office/drawing/2014/main" id="{E8333F8D-0CA7-43BA-A8C8-2343B06F9120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07406D26-23AC-4EE3-9778-8863D292995D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54951F17-8D2F-45FA-8039-104753B2BAA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DCDD6D70-C1B4-4845-8EDB-E1C3DDAD222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D3DF32A7-DE08-4026-9E89-6D1E772DF5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4011379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07371B5-ED02-48EC-8697-C20ECD20FE2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44E1AE8-03B2-4238-9C98-EF40F7B7C7C4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70536A90-F004-45CB-9BD1-18CBECC6B38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F8E73C15-C6D8-45BA-9599-3A41AC90D40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FC271BCA-4229-4D73-81F9-67C2779E5F3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15194007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81DCB8-6534-4834-A939-723F62EDE79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B26D3EBE-865A-4EE8-B848-92BE7253CB19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7C1A8081-A583-4D97-9A3A-87E0A9856A5D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6C8ABF76-67B3-4D68-AF17-A0E4007F770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85240E39-9774-4877-B938-81424DD1ED8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300282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F36D70C-EF5D-4503-9C7A-741A3EAFAF0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02C88748-22B2-4E57-BDE5-8D7FE1EE69B3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AAE8F791-1543-4483-A0A9-F19D1744A05F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58D7D64C-FBD7-4C55-ABD7-3FF82742DB82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7CF28646-F54C-4C10-96EA-949AB031354C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EC6A30BB-73BD-4CAE-80C1-D6364532E36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7131207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D0E7D60-F848-4188-A788-5AD825D04D8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7DB06E05-AB5B-4985-84D0-6A9275133C57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064D5996-59A6-48A4-8F4F-30E01583DA32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24BB0F4E-4D0C-4596-8D20-E64ADDC55579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CE0364BD-278E-4EFE-B0DA-725B01060166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>
            <a:extLst>
              <a:ext uri="{FF2B5EF4-FFF2-40B4-BE49-F238E27FC236}">
                <a16:creationId xmlns:a16="http://schemas.microsoft.com/office/drawing/2014/main" id="{8CBD7899-F847-41C7-BDAD-25054EE54AD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8" name="Footer Placeholder 7">
            <a:extLst>
              <a:ext uri="{FF2B5EF4-FFF2-40B4-BE49-F238E27FC236}">
                <a16:creationId xmlns:a16="http://schemas.microsoft.com/office/drawing/2014/main" id="{221AE480-2D30-4ED1-83CF-7F794A643D6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AD6530CE-3F32-4663-BFDA-6E263E2DA43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5972372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3BE93E4-523B-4B13-B84F-EAAF197EEA3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6AB0FDB3-BADE-48EC-BFCF-790B0B3F177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4D0D4509-F741-4112-A0BA-FA788DE3BC0C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11662755-8E32-46F5-9FBC-6F1609E5675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41028902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F3B1F216-4F2B-473C-A9CB-34EB0ADF584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6F6A6ABA-6D31-402A-A63E-5C5CA527858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A98CEB7B-E273-492D-B1ED-FDB0529FB6C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2989487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138CB2A-AFC8-4C00-A25E-CC400590838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ADDBB26-7220-4B14-BDC8-DD0BC6D33DB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501E4F3C-8A1C-44C3-B9BA-47792DAC214D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B6E163F3-816B-41DC-90ED-22C582FF7D9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7CB1E56F-7793-4B39-B039-4478A439C33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A87F1796-11CF-499B-A9F4-DD10E38BB0E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8720650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B5B91EC-1126-41F9-A9D4-8388C15002F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E62C74CE-B375-479D-8C9A-758294AEE3D1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467BCEB2-9082-413B-A35A-6E2024E1DD71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F6A32C7A-20F0-41F6-9827-8A239E6B4F7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D57D9076-04C2-4694-9E40-5F92A2A4220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EB8D1FE6-8065-412B-9AB3-BCFBC5EFAEF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5943826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:a16="http://schemas.microsoft.com/office/drawing/2014/main" id="{4ED8C9DC-5676-45F4-9E48-C0C84FB3FCF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22C54671-5974-4674-A449-0FC35B14E52E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DC258CFD-2E39-407D-A6E4-FD4DC13513D8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DAA084F-7B98-447A-9ACF-B7E26E7E154E}" type="datetimeFigureOut">
              <a:rPr lang="en-US" smtClean="0"/>
              <a:t>9/21/2020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2C66753D-B275-4C0B-B1FA-39381F3B973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76BCE0F2-C5D2-420F-BCAD-439EA6FE8119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3D1C0C0-F637-4D60-87DD-1BB7E7EB5E0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5471887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3699D83-CE96-4C6D-B0A4-E0814E2557F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1800" b="0" i="0" u="none" strike="noStrike" dirty="0">
                <a:solidFill>
                  <a:srgbClr val="000000"/>
                </a:solidFill>
                <a:effectLst/>
                <a:latin typeface="Arial" panose="020B0604020202020204" pitchFamily="34" charset="0"/>
              </a:rPr>
              <a:t>What are the frequency distributions of hurricane characteristics?</a:t>
            </a:r>
            <a:endParaRPr lang="en-US" dirty="0"/>
          </a:p>
        </p:txBody>
      </p:sp>
      <p:pic>
        <p:nvPicPr>
          <p:cNvPr id="1026" name="Picture 2">
            <a:extLst>
              <a:ext uri="{FF2B5EF4-FFF2-40B4-BE49-F238E27FC236}">
                <a16:creationId xmlns:a16="http://schemas.microsoft.com/office/drawing/2014/main" id="{42DDDC6F-E72D-4839-AE7D-B7A08110E46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09752" y="1470501"/>
            <a:ext cx="8870203" cy="47718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75896943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ABBDEB6-61FF-467A-B592-794E7F87411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1800" b="0" i="0" u="none" strike="noStrike" dirty="0">
                <a:solidFill>
                  <a:srgbClr val="000000"/>
                </a:solidFill>
                <a:effectLst/>
                <a:latin typeface="Arial" panose="020B0604020202020204" pitchFamily="34" charset="0"/>
              </a:rPr>
              <a:t>What variables show significance differences between RI and non-RI cases?</a:t>
            </a:r>
            <a:endParaRPr lang="en-US" dirty="0"/>
          </a:p>
        </p:txBody>
      </p:sp>
      <p:graphicFrame>
        <p:nvGraphicFramePr>
          <p:cNvPr id="6" name="Chart 5">
            <a:extLst>
              <a:ext uri="{FF2B5EF4-FFF2-40B4-BE49-F238E27FC236}">
                <a16:creationId xmlns:a16="http://schemas.microsoft.com/office/drawing/2014/main" id="{555A8B6B-C77C-4B44-8A79-E4154977B968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465303906"/>
              </p:ext>
            </p:extLst>
          </p:nvPr>
        </p:nvGraphicFramePr>
        <p:xfrm>
          <a:off x="1286256" y="1408177"/>
          <a:ext cx="9485376" cy="508469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Rectangle 6">
            <a:extLst>
              <a:ext uri="{FF2B5EF4-FFF2-40B4-BE49-F238E27FC236}">
                <a16:creationId xmlns:a16="http://schemas.microsoft.com/office/drawing/2014/main" id="{FAAD02BD-BAA7-458F-8A91-8542E72AB309}"/>
              </a:ext>
            </a:extLst>
          </p:cNvPr>
          <p:cNvSpPr/>
          <p:nvPr/>
        </p:nvSpPr>
        <p:spPr>
          <a:xfrm>
            <a:off x="2041742" y="2430049"/>
            <a:ext cx="1177447" cy="348223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429F6B6C-2FB8-46B9-8170-5F3D2D7375FD}"/>
              </a:ext>
            </a:extLst>
          </p:cNvPr>
          <p:cNvSpPr/>
          <p:nvPr/>
        </p:nvSpPr>
        <p:spPr>
          <a:xfrm>
            <a:off x="4749452" y="4622103"/>
            <a:ext cx="987469" cy="144258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6B33F2D6-289F-43D6-94EE-E4687AD4EE03}"/>
              </a:ext>
            </a:extLst>
          </p:cNvPr>
          <p:cNvSpPr/>
          <p:nvPr/>
        </p:nvSpPr>
        <p:spPr>
          <a:xfrm>
            <a:off x="5866356" y="4459265"/>
            <a:ext cx="987469" cy="144258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>
            <a:extLst>
              <a:ext uri="{FF2B5EF4-FFF2-40B4-BE49-F238E27FC236}">
                <a16:creationId xmlns:a16="http://schemas.microsoft.com/office/drawing/2014/main" id="{E7951FE7-8292-4B36-87C2-D29239E93E86}"/>
              </a:ext>
            </a:extLst>
          </p:cNvPr>
          <p:cNvSpPr/>
          <p:nvPr/>
        </p:nvSpPr>
        <p:spPr>
          <a:xfrm>
            <a:off x="6808146" y="4459264"/>
            <a:ext cx="987469" cy="144258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79204592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>
            <a:extLst>
              <a:ext uri="{FF2B5EF4-FFF2-40B4-BE49-F238E27FC236}">
                <a16:creationId xmlns:a16="http://schemas.microsoft.com/office/drawing/2014/main" id="{6A52B9AD-2A0D-4ECE-8965-404A8D36CC18}"/>
              </a:ext>
            </a:extLst>
          </p:cNvPr>
          <p:cNvSpPr txBox="1"/>
          <p:nvPr/>
        </p:nvSpPr>
        <p:spPr>
          <a:xfrm>
            <a:off x="1656566" y="616998"/>
            <a:ext cx="19787823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sz="1800" b="0" i="0" u="none" strike="noStrike" dirty="0">
                <a:solidFill>
                  <a:srgbClr val="000000"/>
                </a:solidFill>
                <a:effectLst/>
                <a:latin typeface="Arial" panose="020B0604020202020204" pitchFamily="34" charset="0"/>
              </a:rPr>
              <a:t>Are the variables correlated with each other? </a:t>
            </a:r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4150EF55-D580-480D-B98D-FC234CB95906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212349" y="1417137"/>
            <a:ext cx="8620482" cy="4695564"/>
          </a:xfrm>
          <a:prstGeom prst="rect">
            <a:avLst/>
          </a:prstGeom>
        </p:spPr>
      </p:pic>
      <p:sp>
        <p:nvSpPr>
          <p:cNvPr id="8" name="Rectangle 7">
            <a:extLst>
              <a:ext uri="{FF2B5EF4-FFF2-40B4-BE49-F238E27FC236}">
                <a16:creationId xmlns:a16="http://schemas.microsoft.com/office/drawing/2014/main" id="{8F316F16-9A8D-42C8-AAFA-9526E500CD51}"/>
              </a:ext>
            </a:extLst>
          </p:cNvPr>
          <p:cNvSpPr/>
          <p:nvPr/>
        </p:nvSpPr>
        <p:spPr>
          <a:xfrm>
            <a:off x="6096000" y="5398718"/>
            <a:ext cx="530268" cy="263046"/>
          </a:xfrm>
          <a:prstGeom prst="rect">
            <a:avLst/>
          </a:prstGeom>
          <a:noFill/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>
            <a:extLst>
              <a:ext uri="{FF2B5EF4-FFF2-40B4-BE49-F238E27FC236}">
                <a16:creationId xmlns:a16="http://schemas.microsoft.com/office/drawing/2014/main" id="{48BF0265-82F1-4D1A-B65F-3DEB1EDC71B9}"/>
              </a:ext>
            </a:extLst>
          </p:cNvPr>
          <p:cNvSpPr/>
          <p:nvPr/>
        </p:nvSpPr>
        <p:spPr>
          <a:xfrm>
            <a:off x="5522590" y="3764919"/>
            <a:ext cx="530268" cy="263046"/>
          </a:xfrm>
          <a:prstGeom prst="rect">
            <a:avLst/>
          </a:prstGeom>
          <a:noFill/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id="{AD868118-E4CA-499D-B6F9-EF90281B39BA}"/>
              </a:ext>
            </a:extLst>
          </p:cNvPr>
          <p:cNvSpPr/>
          <p:nvPr/>
        </p:nvSpPr>
        <p:spPr>
          <a:xfrm>
            <a:off x="5382716" y="1680183"/>
            <a:ext cx="530268" cy="263046"/>
          </a:xfrm>
          <a:prstGeom prst="rect">
            <a:avLst/>
          </a:prstGeom>
          <a:noFill/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>
            <a:extLst>
              <a:ext uri="{FF2B5EF4-FFF2-40B4-BE49-F238E27FC236}">
                <a16:creationId xmlns:a16="http://schemas.microsoft.com/office/drawing/2014/main" id="{76C2E227-A39B-4FD0-9520-E2EEF7EDB2DE}"/>
              </a:ext>
            </a:extLst>
          </p:cNvPr>
          <p:cNvSpPr/>
          <p:nvPr/>
        </p:nvSpPr>
        <p:spPr>
          <a:xfrm>
            <a:off x="1542201" y="3722772"/>
            <a:ext cx="800267" cy="263046"/>
          </a:xfrm>
          <a:prstGeom prst="rect">
            <a:avLst/>
          </a:prstGeom>
          <a:noFill/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>
            <a:extLst>
              <a:ext uri="{FF2B5EF4-FFF2-40B4-BE49-F238E27FC236}">
                <a16:creationId xmlns:a16="http://schemas.microsoft.com/office/drawing/2014/main" id="{D5696342-6D21-4AAD-8CCF-2FBDE3755861}"/>
              </a:ext>
            </a:extLst>
          </p:cNvPr>
          <p:cNvSpPr/>
          <p:nvPr/>
        </p:nvSpPr>
        <p:spPr>
          <a:xfrm>
            <a:off x="6046595" y="1671439"/>
            <a:ext cx="530268" cy="263046"/>
          </a:xfrm>
          <a:prstGeom prst="rect">
            <a:avLst/>
          </a:prstGeom>
          <a:noFill/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0" name="Rectangle 19">
            <a:extLst>
              <a:ext uri="{FF2B5EF4-FFF2-40B4-BE49-F238E27FC236}">
                <a16:creationId xmlns:a16="http://schemas.microsoft.com/office/drawing/2014/main" id="{E0976A3B-5959-40E3-9F0D-3F46A32D14A9}"/>
              </a:ext>
            </a:extLst>
          </p:cNvPr>
          <p:cNvSpPr/>
          <p:nvPr/>
        </p:nvSpPr>
        <p:spPr>
          <a:xfrm>
            <a:off x="1558903" y="5389972"/>
            <a:ext cx="800266" cy="254300"/>
          </a:xfrm>
          <a:prstGeom prst="rect">
            <a:avLst/>
          </a:prstGeom>
          <a:noFill/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5396837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>
            <a:extLst>
              <a:ext uri="{FF2B5EF4-FFF2-40B4-BE49-F238E27FC236}">
                <a16:creationId xmlns:a16="http://schemas.microsoft.com/office/drawing/2014/main" id="{9FD849ED-5762-420E-8BA2-F0BE21C5C17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3489" y="681660"/>
            <a:ext cx="8325021" cy="57702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52282265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>
            <a:extLst>
              <a:ext uri="{FF2B5EF4-FFF2-40B4-BE49-F238E27FC236}">
                <a16:creationId xmlns:a16="http://schemas.microsoft.com/office/drawing/2014/main" id="{38AFA07A-F614-460F-A1B4-15B084C2EA5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32767" y="452002"/>
            <a:ext cx="8726466" cy="59539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36070545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>
            <a:extLst>
              <a:ext uri="{FF2B5EF4-FFF2-40B4-BE49-F238E27FC236}">
                <a16:creationId xmlns:a16="http://schemas.microsoft.com/office/drawing/2014/main" id="{EC67CD36-99B0-46C5-81EA-DFCFDC5850F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73801" y="592548"/>
            <a:ext cx="8444398" cy="56729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891884079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>
            <a:extLst>
              <a:ext uri="{FF2B5EF4-FFF2-40B4-BE49-F238E27FC236}">
                <a16:creationId xmlns:a16="http://schemas.microsoft.com/office/drawing/2014/main" id="{0C3CC879-4180-4D01-8B2F-6723FB0E6A4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07876" y="793469"/>
            <a:ext cx="8332310" cy="55976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67091181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6" name="Picture 2">
            <a:extLst>
              <a:ext uri="{FF2B5EF4-FFF2-40B4-BE49-F238E27FC236}">
                <a16:creationId xmlns:a16="http://schemas.microsoft.com/office/drawing/2014/main" id="{1EE6832F-E5D9-4668-8A0D-254F6981CE7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62911" y="743414"/>
            <a:ext cx="7872250" cy="53711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78296868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>
            <a:extLst>
              <a:ext uri="{FF2B5EF4-FFF2-40B4-BE49-F238E27FC236}">
                <a16:creationId xmlns:a16="http://schemas.microsoft.com/office/drawing/2014/main" id="{E2BBCEB9-D807-4A0E-8387-577F8099E23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64077" y="569696"/>
            <a:ext cx="7745260" cy="52845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144764160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4" name="Picture 2">
            <a:extLst>
              <a:ext uri="{FF2B5EF4-FFF2-40B4-BE49-F238E27FC236}">
                <a16:creationId xmlns:a16="http://schemas.microsoft.com/office/drawing/2014/main" id="{B8842FD3-DE96-4A80-971A-AF705528341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01046" y="804778"/>
            <a:ext cx="7357353" cy="50198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126086286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8" name="Picture 2">
            <a:extLst>
              <a:ext uri="{FF2B5EF4-FFF2-40B4-BE49-F238E27FC236}">
                <a16:creationId xmlns:a16="http://schemas.microsoft.com/office/drawing/2014/main" id="{19281BFF-1677-45BC-8EA8-10BE1E9FD03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372" y="770718"/>
            <a:ext cx="8192674" cy="56785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78009808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65</TotalTime>
  <Words>31</Words>
  <Application>Microsoft Office PowerPoint</Application>
  <PresentationFormat>Widescreen</PresentationFormat>
  <Paragraphs>4</Paragraphs>
  <Slides>1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1</vt:i4>
      </vt:variant>
    </vt:vector>
  </HeadingPairs>
  <TitlesOfParts>
    <vt:vector size="15" baseType="lpstr">
      <vt:lpstr>Arial</vt:lpstr>
      <vt:lpstr>Calibri</vt:lpstr>
      <vt:lpstr>Calibri Light</vt:lpstr>
      <vt:lpstr>Office Theme</vt:lpstr>
      <vt:lpstr>What are the frequency distributions of hurricane characteristics?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What variables show significance differences between RI and non-RI cases?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Neel Kumtakar</dc:creator>
  <cp:lastModifiedBy>Neel Kumtakar</cp:lastModifiedBy>
  <cp:revision>5</cp:revision>
  <dcterms:created xsi:type="dcterms:W3CDTF">2020-09-21T23:50:03Z</dcterms:created>
  <dcterms:modified xsi:type="dcterms:W3CDTF">2020-09-22T00:55:18Z</dcterms:modified>
</cp:coreProperties>
</file>